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5_浜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58" uniqueCount="748">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産婦人科江木医院</t>
    <phoneticPr fontId="3"/>
  </si>
  <si>
    <t>〒697-0041 島根県浜田市片庭町６４</t>
    <phoneticPr fontId="3"/>
  </si>
  <si>
    <t>〇</t>
  </si>
  <si>
    <t>個人</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t="s">
        <v>746</v>
      </c>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t="s">
        <v>746</v>
      </c>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0</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439</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0</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c r="M171" s="212">
        <v>0</v>
      </c>
      <c r="N171" s="212">
        <v>0</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2</v>
      </c>
      <c r="K173" s="118" t="str">
        <f t="shared" si="2"/>
        <v/>
      </c>
      <c r="L173" s="212"/>
      <c r="M173" s="212">
        <v>0</v>
      </c>
      <c r="N173" s="212">
        <v>2</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v>0</v>
      </c>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v>0</v>
      </c>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v>0</v>
      </c>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v>0</v>
      </c>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746</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746</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0</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0</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1"/>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5:33Z</dcterms:modified>
</cp:coreProperties>
</file>